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9\HP2109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4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9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399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1956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934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022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>
        <v>135</v>
      </c>
      <c r="C24" s="55">
        <v>105</v>
      </c>
      <c r="D24" s="56">
        <v>240</v>
      </c>
      <c r="E24" s="55">
        <v>196</v>
      </c>
      <c r="F24" s="55">
        <v>215</v>
      </c>
      <c r="G24" s="56">
        <v>411</v>
      </c>
      <c r="H24" s="56">
        <v>-171</v>
      </c>
      <c r="I24" s="55">
        <v>339</v>
      </c>
      <c r="J24" s="55">
        <v>98</v>
      </c>
      <c r="K24" s="55">
        <v>108</v>
      </c>
      <c r="L24" s="56">
        <v>206</v>
      </c>
      <c r="M24" s="55">
        <v>279</v>
      </c>
      <c r="N24" s="55">
        <v>270</v>
      </c>
      <c r="O24" s="55">
        <v>185</v>
      </c>
      <c r="P24" s="56">
        <v>455</v>
      </c>
      <c r="Q24" s="56">
        <v>661</v>
      </c>
      <c r="R24" s="55">
        <v>346</v>
      </c>
      <c r="S24" s="55">
        <v>115</v>
      </c>
      <c r="T24" s="55">
        <v>113</v>
      </c>
      <c r="U24" s="56">
        <v>228</v>
      </c>
      <c r="V24" s="55">
        <v>219</v>
      </c>
      <c r="W24" s="55">
        <v>257</v>
      </c>
      <c r="X24" s="55">
        <v>184</v>
      </c>
      <c r="Y24" s="56">
        <v>441</v>
      </c>
      <c r="Z24" s="56">
        <v>669</v>
      </c>
      <c r="AA24" s="56">
        <v>-8</v>
      </c>
      <c r="AB24" s="56">
        <v>-179</v>
      </c>
      <c r="AC24" s="57">
        <v>182480</v>
      </c>
      <c r="AD24" s="57">
        <v>201106</v>
      </c>
      <c r="AE24" s="57">
        <v>211226</v>
      </c>
      <c r="AF24" s="58">
        <v>412332</v>
      </c>
    </row>
    <row r="25" spans="1:32" ht="20.100000000000001" customHeight="1" x14ac:dyDescent="0.2">
      <c r="A25" s="54">
        <v>8</v>
      </c>
      <c r="B25" s="55">
        <v>140</v>
      </c>
      <c r="C25" s="55">
        <v>118</v>
      </c>
      <c r="D25" s="56">
        <v>258</v>
      </c>
      <c r="E25" s="55">
        <v>189</v>
      </c>
      <c r="F25" s="55">
        <v>180</v>
      </c>
      <c r="G25" s="56">
        <v>369</v>
      </c>
      <c r="H25" s="56">
        <v>-111</v>
      </c>
      <c r="I25" s="55">
        <v>332</v>
      </c>
      <c r="J25" s="55">
        <v>127</v>
      </c>
      <c r="K25" s="55">
        <v>114</v>
      </c>
      <c r="L25" s="56">
        <v>241</v>
      </c>
      <c r="M25" s="55">
        <v>268</v>
      </c>
      <c r="N25" s="55">
        <v>266</v>
      </c>
      <c r="O25" s="55">
        <v>195</v>
      </c>
      <c r="P25" s="56">
        <v>461</v>
      </c>
      <c r="Q25" s="56">
        <v>702</v>
      </c>
      <c r="R25" s="55">
        <v>360</v>
      </c>
      <c r="S25" s="55">
        <v>140</v>
      </c>
      <c r="T25" s="55">
        <v>139</v>
      </c>
      <c r="U25" s="56">
        <v>279</v>
      </c>
      <c r="V25" s="55">
        <v>269</v>
      </c>
      <c r="W25" s="55">
        <v>282</v>
      </c>
      <c r="X25" s="55">
        <v>207</v>
      </c>
      <c r="Y25" s="56">
        <v>489</v>
      </c>
      <c r="Z25" s="56">
        <v>768</v>
      </c>
      <c r="AA25" s="56">
        <v>-66</v>
      </c>
      <c r="AB25" s="56">
        <v>-177</v>
      </c>
      <c r="AC25" s="57">
        <v>182451</v>
      </c>
      <c r="AD25" s="57">
        <v>201028</v>
      </c>
      <c r="AE25" s="57">
        <v>211127</v>
      </c>
      <c r="AF25" s="58">
        <v>412155</v>
      </c>
    </row>
    <row r="26" spans="1:32" ht="20.100000000000001" customHeight="1" x14ac:dyDescent="0.2">
      <c r="A26" s="54">
        <v>9</v>
      </c>
      <c r="B26" s="55">
        <v>120</v>
      </c>
      <c r="C26" s="55">
        <v>97</v>
      </c>
      <c r="D26" s="56">
        <v>217</v>
      </c>
      <c r="E26" s="55">
        <v>199</v>
      </c>
      <c r="F26" s="55">
        <v>210</v>
      </c>
      <c r="G26" s="56">
        <v>409</v>
      </c>
      <c r="H26" s="56">
        <v>-192</v>
      </c>
      <c r="I26" s="55">
        <v>315</v>
      </c>
      <c r="J26" s="55">
        <v>104</v>
      </c>
      <c r="K26" s="55">
        <v>101</v>
      </c>
      <c r="L26" s="56">
        <v>205</v>
      </c>
      <c r="M26" s="55">
        <v>275</v>
      </c>
      <c r="N26" s="55">
        <v>287</v>
      </c>
      <c r="O26" s="55">
        <v>170</v>
      </c>
      <c r="P26" s="56">
        <v>457</v>
      </c>
      <c r="Q26" s="56">
        <v>662</v>
      </c>
      <c r="R26" s="55">
        <v>380</v>
      </c>
      <c r="S26" s="55">
        <v>122</v>
      </c>
      <c r="T26" s="55">
        <v>105</v>
      </c>
      <c r="U26" s="56">
        <v>227</v>
      </c>
      <c r="V26" s="55">
        <v>262</v>
      </c>
      <c r="W26" s="55">
        <v>284</v>
      </c>
      <c r="X26" s="55">
        <v>158</v>
      </c>
      <c r="Y26" s="56">
        <v>442</v>
      </c>
      <c r="Z26" s="56">
        <v>669</v>
      </c>
      <c r="AA26" s="56">
        <v>-7</v>
      </c>
      <c r="AB26" s="56">
        <v>-199</v>
      </c>
      <c r="AC26" s="57">
        <v>182399</v>
      </c>
      <c r="AD26" s="57">
        <v>200934</v>
      </c>
      <c r="AE26" s="57">
        <v>211022</v>
      </c>
      <c r="AF26" s="58">
        <v>411956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1023</v>
      </c>
      <c r="C30" s="68">
        <v>997</v>
      </c>
      <c r="D30" s="68">
        <v>2020</v>
      </c>
      <c r="E30" s="68">
        <v>1896</v>
      </c>
      <c r="F30" s="68">
        <v>1910</v>
      </c>
      <c r="G30" s="68">
        <v>3806</v>
      </c>
      <c r="H30" s="68">
        <v>-1786</v>
      </c>
      <c r="I30" s="68">
        <v>3338</v>
      </c>
      <c r="J30" s="68">
        <v>1271</v>
      </c>
      <c r="K30" s="68">
        <v>1220</v>
      </c>
      <c r="L30" s="68">
        <v>2491</v>
      </c>
      <c r="M30" s="68">
        <v>3987</v>
      </c>
      <c r="N30" s="68">
        <v>3674</v>
      </c>
      <c r="O30" s="68">
        <v>2414</v>
      </c>
      <c r="P30" s="68">
        <v>6088</v>
      </c>
      <c r="Q30" s="68">
        <v>8579</v>
      </c>
      <c r="R30" s="68">
        <v>3410</v>
      </c>
      <c r="S30" s="68">
        <v>1261</v>
      </c>
      <c r="T30" s="68">
        <v>1141</v>
      </c>
      <c r="U30" s="68">
        <v>2402</v>
      </c>
      <c r="V30" s="68">
        <v>3152</v>
      </c>
      <c r="W30" s="68">
        <v>3774</v>
      </c>
      <c r="X30" s="68">
        <v>2763</v>
      </c>
      <c r="Y30" s="68">
        <v>6537</v>
      </c>
      <c r="Z30" s="68">
        <v>8939</v>
      </c>
      <c r="AA30" s="68">
        <v>-360</v>
      </c>
      <c r="AB30" s="68">
        <v>-2146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>
        <v>182480</v>
      </c>
      <c r="AH40" s="75">
        <v>201106</v>
      </c>
      <c r="AI40" s="75">
        <v>211226</v>
      </c>
      <c r="AJ40" s="75">
        <v>412332</v>
      </c>
    </row>
    <row r="41" spans="2:36" hidden="1" x14ac:dyDescent="0.2">
      <c r="AF41" s="74">
        <v>8</v>
      </c>
      <c r="AG41" s="75">
        <v>182451</v>
      </c>
      <c r="AH41" s="75">
        <v>201028</v>
      </c>
      <c r="AI41" s="75">
        <v>211127</v>
      </c>
      <c r="AJ41" s="75">
        <v>412155</v>
      </c>
    </row>
    <row r="42" spans="2:36" hidden="1" x14ac:dyDescent="0.2">
      <c r="AF42" s="74">
        <v>9</v>
      </c>
      <c r="AG42" s="75">
        <v>182399</v>
      </c>
      <c r="AH42" s="75">
        <v>200934</v>
      </c>
      <c r="AI42" s="75">
        <v>211022</v>
      </c>
      <c r="AJ42" s="75">
        <v>411956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10-03T23:28:12Z</dcterms:created>
  <dcterms:modified xsi:type="dcterms:W3CDTF">2021-10-03T23:28:13Z</dcterms:modified>
</cp:coreProperties>
</file>